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441" autoAdjust="0"/>
  </p:normalViewPr>
  <p:slideViewPr>
    <p:cSldViewPr snapToGrid="0">
      <p:cViewPr>
        <p:scale>
          <a:sx n="100" d="100"/>
          <a:sy n="100" d="100"/>
        </p:scale>
        <p:origin x="1008" y="21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enend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2F7A2F9E-4CB1-34A1-D240-CF25B0F4838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59" y="4560411"/>
            <a:ext cx="3307291"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11880343-EF28-9C6C-DEAE-0F5078B1B13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7513" y="3847785"/>
            <a:ext cx="2299070"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4T14:23:52Z</dcterms:modified>
</cp:coreProperties>
</file>